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8_{7BBE1473-A3BE-451F-A6E3-4F01967BCC36}" xr6:coauthVersionLast="47" xr6:coauthVersionMax="47" xr10:uidLastSave="{00000000-0000-0000-0000-000000000000}"/>
  <bookViews>
    <workbookView xWindow="-28920" yWindow="-1935" windowWidth="29040" windowHeight="15720" xr2:uid="{E8D6F6E7-A46E-4378-8FE3-2CF6E486D1EC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19" i="6" l="1"/>
  <c r="L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22" uniqueCount="232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感染症予防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感染症予防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  <si>
    <t>　　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74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4" fillId="0" borderId="0" xfId="0" applyFont="1" applyAlignment="1">
      <alignment vertical="top" wrapText="1"/>
    </xf>
    <xf numFmtId="0" fontId="24" fillId="0" borderId="0" xfId="0" applyFont="1" applyAlignment="1">
      <alignment horizontal="left" vertical="top" wrapText="1"/>
    </xf>
    <xf numFmtId="0" fontId="24" fillId="0" borderId="0" xfId="0" applyFont="1" applyAlignment="1">
      <alignment vertical="center" wrapText="1"/>
    </xf>
    <xf numFmtId="0" fontId="25" fillId="0" borderId="0" xfId="0" applyFont="1">
      <alignment vertical="center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5" fillId="0" borderId="0" xfId="7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24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top"/>
    </xf>
  </cellXfs>
  <cellStyles count="8">
    <cellStyle name="標準" xfId="0" builtinId="0"/>
    <cellStyle name="標準 2" xfId="1" xr:uid="{B2CA7876-6563-4E7D-A344-B15BC1C2DBCA}"/>
    <cellStyle name="標準 2 2" xfId="2" xr:uid="{F06F2293-272C-490A-AAE0-7C4F11E72704}"/>
    <cellStyle name="標準 3" xfId="3" xr:uid="{D032A32E-7FAF-4116-963E-FD7B074326C6}"/>
    <cellStyle name="標準 4" xfId="4" xr:uid="{0B7BEA4D-1869-4F0A-96F6-90D881CEBA7F}"/>
    <cellStyle name="標準 4 2" xfId="5" xr:uid="{BD0EB4C3-17F8-46E9-AFC7-4C079DB419A0}"/>
    <cellStyle name="標準 5 2" xfId="6" xr:uid="{AB39CE2B-3DBA-47FA-85BA-34FB705F7193}"/>
    <cellStyle name="標準 6 2" xfId="7" xr:uid="{A84AB1AF-E000-4A58-BF79-68BBF9CB59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407661-DB80-4732-A1D2-EC0DA799F34E}">
  <sheetPr codeName="Sheet7"/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5" t="s">
        <v>0</v>
      </c>
      <c r="C6" s="125"/>
      <c r="D6" s="125"/>
      <c r="E6" s="125"/>
      <c r="F6" s="125"/>
      <c r="G6" s="125"/>
      <c r="H6" s="125"/>
      <c r="I6" s="125"/>
      <c r="J6" s="125"/>
      <c r="K6" s="125"/>
      <c r="L6" s="125"/>
      <c r="M6" s="125"/>
      <c r="N6" s="125"/>
      <c r="O6" s="125"/>
      <c r="P6" s="125"/>
      <c r="Q6" s="125"/>
      <c r="R6" s="125"/>
      <c r="S6" s="9"/>
      <c r="T6" s="8"/>
    </row>
    <row r="7" spans="1:20" ht="22.5" customHeight="1" x14ac:dyDescent="0.4">
      <c r="A7" s="6"/>
      <c r="B7" s="126" t="s">
        <v>65</v>
      </c>
      <c r="C7" s="126"/>
      <c r="D7" s="126"/>
      <c r="E7" s="126"/>
      <c r="F7" s="126"/>
      <c r="G7" s="126"/>
      <c r="H7" s="126"/>
      <c r="I7" s="126"/>
      <c r="J7" s="126"/>
      <c r="K7" s="126"/>
      <c r="L7" s="126"/>
      <c r="M7" s="126"/>
      <c r="N7" s="126"/>
      <c r="O7" s="126"/>
      <c r="P7" s="126"/>
      <c r="Q7" s="126"/>
      <c r="R7" s="126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2"/>
      <c r="L8" s="122"/>
      <c r="M8" s="122"/>
      <c r="N8" s="123" t="s">
        <v>1</v>
      </c>
      <c r="O8" s="123"/>
      <c r="P8" s="123"/>
      <c r="Q8" s="12"/>
      <c r="R8" s="11"/>
      <c r="S8" s="11"/>
      <c r="T8" s="8"/>
    </row>
    <row r="9" spans="1:20" ht="22.5" customHeight="1" x14ac:dyDescent="0.4">
      <c r="A9" s="6"/>
      <c r="B9" s="124"/>
      <c r="C9" s="124"/>
      <c r="D9" s="124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390880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63521526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0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3909013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-213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62747126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77440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598361600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0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75887904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0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0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59836160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0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0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661883126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-582086422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59513504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774400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0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0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0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1560000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-582086422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79796704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79796704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0D6FCC6-C3A2-4C9A-AA18-870F8F86AA9C}">
  <sheetPr codeName="Sheet12"/>
  <dimension ref="A1:M192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27" t="s">
        <v>3</v>
      </c>
      <c r="C6" s="127"/>
      <c r="D6" s="127"/>
      <c r="E6" s="127"/>
      <c r="F6" s="127"/>
      <c r="G6" s="127"/>
      <c r="H6" s="127"/>
      <c r="I6" s="127"/>
      <c r="J6" s="127"/>
      <c r="K6" s="127"/>
      <c r="L6" s="128"/>
      <c r="M6" s="32"/>
    </row>
    <row r="7" spans="1:13" ht="22.5" customHeight="1" x14ac:dyDescent="0.2">
      <c r="A7" s="28"/>
      <c r="B7" s="129" t="s">
        <v>112</v>
      </c>
      <c r="C7" s="129"/>
      <c r="D7" s="129"/>
      <c r="E7" s="129"/>
      <c r="F7" s="129"/>
      <c r="G7" s="129"/>
      <c r="H7" s="129"/>
      <c r="I7" s="129"/>
      <c r="J7" s="129"/>
      <c r="K7" s="129"/>
      <c r="L7" s="130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1"/>
      <c r="C9" s="131"/>
      <c r="D9" s="131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605528967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66900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595564050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9898017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917336834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643213685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53115457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-319742626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295386786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78988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13086148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0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213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228536349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3661834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311807867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433998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433998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14537940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145379400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-144945402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830014829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4699200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420253560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A17827-6076-446C-BF4E-60D7B2850304}">
  <sheetPr codeName="Sheet14"/>
  <dimension ref="A1:N59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35" t="s">
        <v>4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47"/>
    </row>
    <row r="7" spans="1:14" ht="22.5" customHeight="1" x14ac:dyDescent="0.4">
      <c r="A7" s="44"/>
      <c r="B7" s="137" t="s">
        <v>112</v>
      </c>
      <c r="C7" s="136"/>
      <c r="D7" s="136"/>
      <c r="E7" s="136"/>
      <c r="F7" s="136"/>
      <c r="G7" s="136"/>
      <c r="H7" s="136"/>
      <c r="I7" s="136"/>
      <c r="J7" s="136"/>
      <c r="K7" s="136"/>
      <c r="L7" s="136"/>
      <c r="M7" s="136"/>
      <c r="N7" s="47"/>
    </row>
    <row r="8" spans="1:14" ht="22.5" customHeight="1" x14ac:dyDescent="0.4">
      <c r="A8" s="28"/>
      <c r="B8" s="21"/>
      <c r="C8" s="133"/>
      <c r="D8" s="133"/>
      <c r="E8" s="133"/>
      <c r="F8" s="134" t="s">
        <v>1</v>
      </c>
      <c r="G8" s="133"/>
      <c r="H8" s="133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1"/>
      <c r="D10" s="131"/>
      <c r="E10" s="131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2" t="s">
        <v>5</v>
      </c>
      <c r="D11" s="132"/>
      <c r="E11" s="132"/>
      <c r="F11" s="132"/>
      <c r="G11" s="132"/>
      <c r="H11" s="132"/>
      <c r="I11" s="132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2" t="s">
        <v>9</v>
      </c>
      <c r="D12" s="132"/>
      <c r="E12" s="132"/>
      <c r="F12" s="132"/>
      <c r="G12" s="132"/>
      <c r="H12" s="132"/>
      <c r="I12" s="132"/>
      <c r="J12" s="51">
        <v>-1002339982</v>
      </c>
      <c r="K12" s="51">
        <v>0</v>
      </c>
      <c r="L12" s="51">
        <v>-1002339982</v>
      </c>
      <c r="M12" s="21"/>
      <c r="N12" s="30"/>
    </row>
    <row r="13" spans="1:14" ht="22.5" customHeight="1" x14ac:dyDescent="0.4">
      <c r="A13" s="28"/>
      <c r="B13" s="21"/>
      <c r="C13" s="132" t="s">
        <v>10</v>
      </c>
      <c r="D13" s="132"/>
      <c r="E13" s="132"/>
      <c r="F13" s="132"/>
      <c r="G13" s="132"/>
      <c r="H13" s="132"/>
      <c r="I13" s="132"/>
      <c r="J13" s="51">
        <v>420253560</v>
      </c>
      <c r="K13" s="51">
        <v>0</v>
      </c>
      <c r="L13" s="51">
        <v>420253560</v>
      </c>
      <c r="M13" s="21"/>
      <c r="N13" s="30"/>
    </row>
    <row r="14" spans="1:14" ht="22.5" customHeight="1" x14ac:dyDescent="0.4">
      <c r="A14" s="28"/>
      <c r="B14" s="21"/>
      <c r="C14" s="132" t="s">
        <v>11</v>
      </c>
      <c r="D14" s="132"/>
      <c r="E14" s="132"/>
      <c r="F14" s="132"/>
      <c r="G14" s="132"/>
      <c r="H14" s="132"/>
      <c r="I14" s="132"/>
      <c r="J14" s="51">
        <v>-582086422</v>
      </c>
      <c r="K14" s="51">
        <v>0</v>
      </c>
      <c r="L14" s="51">
        <v>-582086422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B6:M6"/>
    <mergeCell ref="B7:M7"/>
    <mergeCell ref="F8:H8"/>
    <mergeCell ref="C10:E10"/>
    <mergeCell ref="C11:I11"/>
    <mergeCell ref="C12:I12"/>
    <mergeCell ref="C13:I13"/>
    <mergeCell ref="C14:I14"/>
    <mergeCell ref="C8:E8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DB79DB-98B0-45F7-8652-02DAE31EA549}">
  <sheetPr codeName="Sheet13"/>
  <dimension ref="A1:U194"/>
  <sheetViews>
    <sheetView showGridLines="0" tabSelected="1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39" t="s">
        <v>12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139"/>
      <c r="O6" s="139"/>
      <c r="P6" s="139"/>
      <c r="Q6" s="139"/>
      <c r="R6" s="139"/>
      <c r="S6" s="139"/>
      <c r="T6" s="57"/>
      <c r="U6" s="8"/>
    </row>
    <row r="7" spans="1:21" ht="22.5" customHeight="1" x14ac:dyDescent="0.4">
      <c r="A7" s="6"/>
      <c r="B7" s="140" t="s">
        <v>112</v>
      </c>
      <c r="C7" s="140"/>
      <c r="D7" s="140"/>
      <c r="E7" s="140"/>
      <c r="F7" s="140"/>
      <c r="G7" s="140"/>
      <c r="H7" s="140"/>
      <c r="I7" s="140"/>
      <c r="J7" s="140"/>
      <c r="K7" s="140"/>
      <c r="L7" s="140"/>
      <c r="M7" s="140"/>
      <c r="N7" s="140"/>
      <c r="O7" s="140"/>
      <c r="P7" s="140"/>
      <c r="Q7" s="140"/>
      <c r="R7" s="140"/>
      <c r="S7" s="140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38"/>
      <c r="M8" s="138"/>
      <c r="N8" s="138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24"/>
      <c r="C9" s="124"/>
      <c r="D9" s="124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0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601628674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0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66900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595564050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434000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5997724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1431232703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758189346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295386786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78988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0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844800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228536349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0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149041234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844800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829604029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-844800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43400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830014829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43400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830014829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2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AAAC6F-3D2D-442F-B645-90626C0EAD36}">
  <sheetPr codeName="Sheet19"/>
  <dimension ref="B1:O37"/>
  <sheetViews>
    <sheetView showGridLines="0" tabSelected="1" view="pageBreakPreview" zoomScale="60" zoomScaleNormal="55" workbookViewId="0"/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1" t="s">
        <v>13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69" t="s">
        <v>2</v>
      </c>
    </row>
    <row r="8" spans="2:15" ht="21.95" customHeight="1" x14ac:dyDescent="0.4">
      <c r="B8" s="143" t="s">
        <v>14</v>
      </c>
      <c r="C8" s="144"/>
      <c r="D8" s="144"/>
      <c r="E8" s="144"/>
      <c r="F8" s="144"/>
      <c r="G8" s="144"/>
      <c r="H8" s="145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0</v>
      </c>
      <c r="J10" s="76">
        <v>0</v>
      </c>
      <c r="K10" s="76">
        <v>0</v>
      </c>
      <c r="L10" s="76">
        <v>0</v>
      </c>
      <c r="M10" s="76">
        <v>0</v>
      </c>
      <c r="N10" s="76">
        <v>0</v>
      </c>
      <c r="O10" s="76">
        <v>0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0</v>
      </c>
      <c r="J11" s="76">
        <v>0</v>
      </c>
      <c r="K11" s="76">
        <v>0</v>
      </c>
      <c r="L11" s="76">
        <v>0</v>
      </c>
      <c r="M11" s="76">
        <v>0</v>
      </c>
      <c r="N11" s="76">
        <v>0</v>
      </c>
      <c r="O11" s="76">
        <v>0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0</v>
      </c>
      <c r="J12" s="76">
        <v>0</v>
      </c>
      <c r="K12" s="76">
        <v>0</v>
      </c>
      <c r="L12" s="76">
        <v>0</v>
      </c>
      <c r="M12" s="76">
        <v>0</v>
      </c>
      <c r="N12" s="76">
        <v>0</v>
      </c>
      <c r="O12" s="76">
        <v>0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0</v>
      </c>
      <c r="J13" s="76">
        <v>0</v>
      </c>
      <c r="K13" s="76">
        <v>0</v>
      </c>
      <c r="L13" s="76">
        <v>0</v>
      </c>
      <c r="M13" s="76">
        <v>0</v>
      </c>
      <c r="N13" s="76">
        <v>0</v>
      </c>
      <c r="O13" s="76">
        <v>0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0</v>
      </c>
      <c r="J14" s="76">
        <v>0</v>
      </c>
      <c r="K14" s="76">
        <v>0</v>
      </c>
      <c r="L14" s="76">
        <v>0</v>
      </c>
      <c r="M14" s="76">
        <v>0</v>
      </c>
      <c r="N14" s="76">
        <v>0</v>
      </c>
      <c r="O14" s="76">
        <v>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90603555</v>
      </c>
      <c r="J30" s="76">
        <v>47425998</v>
      </c>
      <c r="K30" s="76">
        <v>6659448</v>
      </c>
      <c r="L30" s="76">
        <v>131370105</v>
      </c>
      <c r="M30" s="76">
        <v>71856601</v>
      </c>
      <c r="N30" s="76">
        <v>11804020</v>
      </c>
      <c r="O30" s="76">
        <v>59513504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4224000</v>
      </c>
      <c r="J31" s="76">
        <v>0</v>
      </c>
      <c r="K31" s="76">
        <v>0</v>
      </c>
      <c r="L31" s="76">
        <v>4224000</v>
      </c>
      <c r="M31" s="76">
        <v>3449600</v>
      </c>
      <c r="N31" s="76">
        <v>844800</v>
      </c>
      <c r="O31" s="76">
        <v>774400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25136877</v>
      </c>
      <c r="J32" s="76">
        <v>0</v>
      </c>
      <c r="K32" s="76">
        <v>0</v>
      </c>
      <c r="L32" s="76">
        <v>25136877</v>
      </c>
      <c r="M32" s="76">
        <v>25136877</v>
      </c>
      <c r="N32" s="76">
        <v>437328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0</v>
      </c>
      <c r="J33" s="76">
        <v>93984000</v>
      </c>
      <c r="K33" s="76">
        <v>93984000</v>
      </c>
      <c r="L33" s="76">
        <v>0</v>
      </c>
      <c r="M33" s="76">
        <v>0</v>
      </c>
      <c r="N33" s="76">
        <v>0</v>
      </c>
      <c r="O33" s="76">
        <v>0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49" t="s">
        <v>49</v>
      </c>
      <c r="C35" s="150"/>
      <c r="D35" s="150"/>
      <c r="E35" s="150"/>
      <c r="F35" s="150"/>
      <c r="G35" s="150"/>
      <c r="H35" s="151"/>
      <c r="I35" s="76">
        <v>119964432</v>
      </c>
      <c r="J35" s="76">
        <v>141409998</v>
      </c>
      <c r="K35" s="76">
        <v>100643448</v>
      </c>
      <c r="L35" s="76">
        <v>160730982</v>
      </c>
      <c r="M35" s="76">
        <v>100443078</v>
      </c>
      <c r="N35" s="76">
        <v>13086148</v>
      </c>
      <c r="O35" s="76">
        <v>60287904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4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91C7CE-0AD3-4530-A5FA-1500DDF36D27}">
  <sheetPr codeName="Sheet23"/>
  <dimension ref="B1:N19"/>
  <sheetViews>
    <sheetView showGridLines="0" tabSelected="1" view="pageBreakPreview" zoomScale="55" zoomScaleNormal="55" zoomScaleSheetLayoutView="55" workbookViewId="0"/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55" t="s">
        <v>50</v>
      </c>
      <c r="C5" s="156"/>
      <c r="D5" s="156"/>
      <c r="E5" s="156"/>
      <c r="F5" s="156"/>
      <c r="G5" s="156"/>
      <c r="H5" s="156"/>
      <c r="I5" s="156"/>
      <c r="J5" s="156"/>
      <c r="K5" s="156"/>
      <c r="L5" s="156"/>
      <c r="M5" s="156"/>
      <c r="N5" s="156"/>
    </row>
    <row r="6" spans="2:14" x14ac:dyDescent="0.4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</row>
    <row r="7" spans="2:14" x14ac:dyDescent="0.4">
      <c r="B7" s="157"/>
      <c r="C7" s="157"/>
      <c r="D7" s="157"/>
      <c r="F7" s="77"/>
      <c r="N7" s="78" t="s">
        <v>2</v>
      </c>
    </row>
    <row r="8" spans="2:14" ht="20.100000000000001" customHeight="1" x14ac:dyDescent="0.4">
      <c r="B8" s="158" t="s">
        <v>5</v>
      </c>
      <c r="C8" s="159"/>
      <c r="D8" s="159"/>
      <c r="E8" s="159"/>
      <c r="F8" s="159"/>
      <c r="G8" s="159"/>
      <c r="H8" s="160"/>
      <c r="I8" s="164" t="s">
        <v>15</v>
      </c>
      <c r="J8" s="164" t="s">
        <v>16</v>
      </c>
      <c r="K8" s="166" t="s">
        <v>17</v>
      </c>
      <c r="L8" s="167"/>
      <c r="M8" s="168"/>
      <c r="N8" s="169" t="s">
        <v>51</v>
      </c>
    </row>
    <row r="9" spans="2:14" ht="20.100000000000001" customHeight="1" x14ac:dyDescent="0.4">
      <c r="B9" s="161"/>
      <c r="C9" s="162"/>
      <c r="D9" s="162"/>
      <c r="E9" s="162"/>
      <c r="F9" s="162"/>
      <c r="G9" s="162"/>
      <c r="H9" s="163"/>
      <c r="I9" s="165"/>
      <c r="J9" s="165"/>
      <c r="K9" s="79" t="s">
        <v>52</v>
      </c>
      <c r="L9" s="79" t="s">
        <v>53</v>
      </c>
      <c r="M9" s="79" t="s">
        <v>54</v>
      </c>
      <c r="N9" s="170"/>
    </row>
    <row r="10" spans="2:14" ht="31.7" customHeight="1" x14ac:dyDescent="0.4">
      <c r="B10" s="153" t="s">
        <v>55</v>
      </c>
      <c r="C10" s="153"/>
      <c r="D10" s="153"/>
      <c r="E10" s="153"/>
      <c r="F10" s="153"/>
      <c r="G10" s="153"/>
      <c r="H10" s="153"/>
      <c r="I10" s="80">
        <v>0</v>
      </c>
      <c r="J10" s="80">
        <v>213</v>
      </c>
      <c r="K10" s="80">
        <v>0</v>
      </c>
      <c r="L10" s="80">
        <f>M10-K10</f>
        <v>0</v>
      </c>
      <c r="M10" s="80">
        <v>0</v>
      </c>
      <c r="N10" s="80">
        <v>213</v>
      </c>
    </row>
    <row r="11" spans="2:14" ht="31.7" customHeight="1" x14ac:dyDescent="0.4">
      <c r="B11" s="153" t="s">
        <v>56</v>
      </c>
      <c r="C11" s="153"/>
      <c r="D11" s="153"/>
      <c r="E11" s="153"/>
      <c r="F11" s="153"/>
      <c r="G11" s="153"/>
      <c r="H11" s="153"/>
      <c r="I11" s="80">
        <v>0</v>
      </c>
      <c r="J11" s="80">
        <v>0</v>
      </c>
      <c r="K11" s="80">
        <v>0</v>
      </c>
      <c r="L11" s="80">
        <f t="shared" ref="L11:L19" si="0">M11-K11</f>
        <v>0</v>
      </c>
      <c r="M11" s="80">
        <v>0</v>
      </c>
      <c r="N11" s="80">
        <v>0</v>
      </c>
    </row>
    <row r="12" spans="2:14" ht="31.7" customHeight="1" x14ac:dyDescent="0.4">
      <c r="B12" s="153" t="s">
        <v>57</v>
      </c>
      <c r="C12" s="153"/>
      <c r="D12" s="153"/>
      <c r="E12" s="153"/>
      <c r="F12" s="153"/>
      <c r="G12" s="153"/>
      <c r="H12" s="153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53" t="s">
        <v>58</v>
      </c>
      <c r="C13" s="153"/>
      <c r="D13" s="153"/>
      <c r="E13" s="153"/>
      <c r="F13" s="153"/>
      <c r="G13" s="153"/>
      <c r="H13" s="153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53" t="s">
        <v>59</v>
      </c>
      <c r="C14" s="153"/>
      <c r="D14" s="153"/>
      <c r="E14" s="153"/>
      <c r="F14" s="153"/>
      <c r="G14" s="153"/>
      <c r="H14" s="153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53" t="s">
        <v>60</v>
      </c>
      <c r="C15" s="153"/>
      <c r="D15" s="153"/>
      <c r="E15" s="153"/>
      <c r="F15" s="153"/>
      <c r="G15" s="153"/>
      <c r="H15" s="153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53" t="s">
        <v>61</v>
      </c>
      <c r="C16" s="153"/>
      <c r="D16" s="153"/>
      <c r="E16" s="153"/>
      <c r="F16" s="153"/>
      <c r="G16" s="153"/>
      <c r="H16" s="153"/>
      <c r="I16" s="80">
        <v>94750282</v>
      </c>
      <c r="J16" s="80">
        <v>62747126</v>
      </c>
      <c r="K16" s="80">
        <v>85118613</v>
      </c>
      <c r="L16" s="80">
        <f t="shared" si="0"/>
        <v>9631669</v>
      </c>
      <c r="M16" s="80">
        <v>94750282</v>
      </c>
      <c r="N16" s="80">
        <v>62747126</v>
      </c>
    </row>
    <row r="17" spans="2:14" ht="31.7" customHeight="1" x14ac:dyDescent="0.4">
      <c r="B17" s="153" t="s">
        <v>62</v>
      </c>
      <c r="C17" s="153"/>
      <c r="D17" s="153"/>
      <c r="E17" s="153"/>
      <c r="F17" s="153"/>
      <c r="G17" s="153"/>
      <c r="H17" s="153"/>
      <c r="I17" s="80">
        <v>947961274</v>
      </c>
      <c r="J17" s="80">
        <v>183096</v>
      </c>
      <c r="K17" s="80">
        <v>29857048</v>
      </c>
      <c r="L17" s="80">
        <f t="shared" si="0"/>
        <v>319925722</v>
      </c>
      <c r="M17" s="80">
        <v>349782770</v>
      </c>
      <c r="N17" s="80">
        <v>598361600</v>
      </c>
    </row>
    <row r="18" spans="2:14" ht="31.7" customHeight="1" x14ac:dyDescent="0.4">
      <c r="B18" s="153" t="s">
        <v>63</v>
      </c>
      <c r="C18" s="153"/>
      <c r="D18" s="153"/>
      <c r="E18" s="153"/>
      <c r="F18" s="153"/>
      <c r="G18" s="153"/>
      <c r="H18" s="153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54" t="s">
        <v>64</v>
      </c>
      <c r="C19" s="154"/>
      <c r="D19" s="154"/>
      <c r="E19" s="154"/>
      <c r="F19" s="154"/>
      <c r="G19" s="154"/>
      <c r="H19" s="154"/>
      <c r="I19" s="80">
        <v>1042711556</v>
      </c>
      <c r="J19" s="80">
        <v>62930435</v>
      </c>
      <c r="K19" s="80">
        <f>SUM(K10:K18)</f>
        <v>114975661</v>
      </c>
      <c r="L19" s="80">
        <f t="shared" si="0"/>
        <v>329557391</v>
      </c>
      <c r="M19" s="80">
        <v>444533052</v>
      </c>
      <c r="N19" s="80">
        <v>661108939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528EC8-A262-475F-AAED-0D0376F536EA}">
  <dimension ref="A1:M75"/>
  <sheetViews>
    <sheetView tabSelected="1" view="pageBreakPreview" zoomScale="55" zoomScaleNormal="55" zoomScaleSheetLayoutView="55" workbookViewId="0"/>
  </sheetViews>
  <sheetFormatPr defaultRowHeight="13.5" x14ac:dyDescent="0.4"/>
  <cols>
    <col min="1" max="1" width="4" style="121" customWidth="1"/>
    <col min="2" max="2" width="54.125" style="118" customWidth="1"/>
    <col min="3" max="3" width="60.5" style="118" customWidth="1"/>
    <col min="4" max="4" width="52.75" style="118" customWidth="1"/>
    <col min="5" max="16384" width="9" style="118"/>
  </cols>
  <sheetData>
    <row r="1" spans="1:13" s="1" customFormat="1" ht="22.5" customHeight="1" x14ac:dyDescent="0.4">
      <c r="B1" s="112" t="s">
        <v>226</v>
      </c>
    </row>
    <row r="2" spans="1:13" s="1" customFormat="1" ht="22.5" customHeight="1" x14ac:dyDescent="0.4">
      <c r="B2" s="112" t="s">
        <v>227</v>
      </c>
    </row>
    <row r="3" spans="1:13" s="1" customFormat="1" ht="22.5" customHeight="1" x14ac:dyDescent="0.4">
      <c r="B3" s="112" t="s">
        <v>228</v>
      </c>
    </row>
    <row r="4" spans="1:13" ht="122.25" customHeight="1" x14ac:dyDescent="0.4">
      <c r="A4" s="172" t="s">
        <v>229</v>
      </c>
      <c r="B4" s="172"/>
      <c r="C4" s="172"/>
      <c r="D4" s="172"/>
    </row>
    <row r="5" spans="1:13" s="114" customFormat="1" ht="36" customHeight="1" x14ac:dyDescent="0.4">
      <c r="A5" s="113"/>
    </row>
    <row r="6" spans="1:13" s="114" customFormat="1" ht="36" customHeight="1" x14ac:dyDescent="0.4">
      <c r="A6" s="113"/>
      <c r="B6" s="114" t="s">
        <v>230</v>
      </c>
    </row>
    <row r="7" spans="1:13" s="114" customFormat="1" ht="36" customHeight="1" x14ac:dyDescent="0.4">
      <c r="A7" s="113"/>
      <c r="B7" s="115"/>
      <c r="C7" s="171"/>
      <c r="D7" s="171"/>
    </row>
    <row r="8" spans="1:13" s="114" customFormat="1" ht="36" customHeight="1" x14ac:dyDescent="0.4">
      <c r="A8" s="113"/>
      <c r="B8" s="115"/>
      <c r="C8" s="171"/>
      <c r="D8" s="171"/>
    </row>
    <row r="9" spans="1:13" s="114" customFormat="1" ht="36" customHeight="1" x14ac:dyDescent="0.4">
      <c r="A9" s="113"/>
      <c r="B9" s="116"/>
      <c r="C9" s="171"/>
      <c r="D9" s="171"/>
    </row>
    <row r="10" spans="1:13" s="114" customFormat="1" ht="36" customHeight="1" x14ac:dyDescent="0.4">
      <c r="A10" s="113"/>
      <c r="B10" s="115"/>
      <c r="C10" s="171"/>
      <c r="D10" s="171"/>
    </row>
    <row r="11" spans="1:13" s="114" customFormat="1" ht="36" customHeight="1" x14ac:dyDescent="0.4">
      <c r="A11" s="113"/>
      <c r="B11" s="115"/>
      <c r="C11" s="173"/>
      <c r="D11" s="173"/>
      <c r="M11" s="114" t="s">
        <v>231</v>
      </c>
    </row>
    <row r="12" spans="1:13" s="114" customFormat="1" ht="36" customHeight="1" x14ac:dyDescent="0.4">
      <c r="A12" s="113"/>
      <c r="B12" s="115"/>
      <c r="C12" s="171"/>
      <c r="D12" s="171"/>
    </row>
    <row r="13" spans="1:13" s="114" customFormat="1" ht="36" customHeight="1" x14ac:dyDescent="0.4">
      <c r="A13" s="113"/>
      <c r="B13" s="117"/>
      <c r="C13" s="117"/>
    </row>
    <row r="14" spans="1:13" s="114" customFormat="1" ht="36" customHeight="1" x14ac:dyDescent="0.4">
      <c r="A14" s="113"/>
    </row>
    <row r="15" spans="1:13" s="114" customFormat="1" ht="36" customHeight="1" x14ac:dyDescent="0.4">
      <c r="A15" s="113"/>
    </row>
    <row r="16" spans="1:13" s="114" customFormat="1" ht="36" customHeight="1" x14ac:dyDescent="0.4">
      <c r="A16" s="113"/>
    </row>
    <row r="17" spans="1:1" s="114" customFormat="1" ht="36" customHeight="1" x14ac:dyDescent="0.4">
      <c r="A17" s="113"/>
    </row>
    <row r="18" spans="1:1" s="114" customFormat="1" ht="36" customHeight="1" x14ac:dyDescent="0.4">
      <c r="A18" s="113"/>
    </row>
    <row r="19" spans="1:1" s="114" customFormat="1" ht="36" customHeight="1" x14ac:dyDescent="0.4">
      <c r="A19" s="113"/>
    </row>
    <row r="20" spans="1:1" s="114" customFormat="1" ht="36" customHeight="1" x14ac:dyDescent="0.4">
      <c r="A20" s="113"/>
    </row>
    <row r="21" spans="1:1" s="114" customFormat="1" ht="36" customHeight="1" x14ac:dyDescent="0.4">
      <c r="A21" s="113"/>
    </row>
    <row r="22" spans="1:1" s="114" customFormat="1" ht="36" customHeight="1" x14ac:dyDescent="0.4">
      <c r="A22" s="113"/>
    </row>
    <row r="23" spans="1:1" s="114" customFormat="1" ht="36" customHeight="1" x14ac:dyDescent="0.4">
      <c r="A23" s="113"/>
    </row>
    <row r="24" spans="1:1" s="114" customFormat="1" ht="36" customHeight="1" x14ac:dyDescent="0.4">
      <c r="A24" s="113"/>
    </row>
    <row r="25" spans="1:1" s="114" customFormat="1" ht="36" customHeight="1" x14ac:dyDescent="0.4">
      <c r="A25" s="113"/>
    </row>
    <row r="26" spans="1:1" s="114" customFormat="1" ht="36" customHeight="1" x14ac:dyDescent="0.4">
      <c r="A26" s="113"/>
    </row>
    <row r="27" spans="1:1" s="114" customFormat="1" ht="36" customHeight="1" x14ac:dyDescent="0.4">
      <c r="A27" s="113"/>
    </row>
    <row r="28" spans="1:1" s="114" customFormat="1" ht="36" customHeight="1" x14ac:dyDescent="0.4">
      <c r="A28" s="113"/>
    </row>
    <row r="29" spans="1:1" s="114" customFormat="1" ht="36" customHeight="1" x14ac:dyDescent="0.4">
      <c r="A29" s="113"/>
    </row>
    <row r="30" spans="1:1" s="114" customFormat="1" ht="36" customHeight="1" x14ac:dyDescent="0.4">
      <c r="A30" s="113"/>
    </row>
    <row r="31" spans="1:1" s="114" customFormat="1" ht="36" customHeight="1" x14ac:dyDescent="0.4">
      <c r="A31" s="113"/>
    </row>
    <row r="32" spans="1:1" s="114" customFormat="1" ht="36" customHeight="1" x14ac:dyDescent="0.4">
      <c r="A32" s="113"/>
    </row>
    <row r="33" spans="1:1" s="114" customFormat="1" ht="36" customHeight="1" x14ac:dyDescent="0.4">
      <c r="A33" s="113"/>
    </row>
    <row r="34" spans="1:1" s="114" customFormat="1" ht="36" customHeight="1" x14ac:dyDescent="0.4">
      <c r="A34" s="113"/>
    </row>
    <row r="35" spans="1:1" s="114" customFormat="1" ht="36" customHeight="1" x14ac:dyDescent="0.4">
      <c r="A35" s="113"/>
    </row>
    <row r="36" spans="1:1" s="114" customFormat="1" ht="36" customHeight="1" x14ac:dyDescent="0.4">
      <c r="A36" s="113"/>
    </row>
    <row r="37" spans="1:1" s="114" customFormat="1" ht="36" customHeight="1" x14ac:dyDescent="0.4">
      <c r="A37" s="113"/>
    </row>
    <row r="38" spans="1:1" s="114" customFormat="1" ht="36" customHeight="1" x14ac:dyDescent="0.4">
      <c r="A38" s="113"/>
    </row>
    <row r="39" spans="1:1" s="114" customFormat="1" ht="36" customHeight="1" x14ac:dyDescent="0.4">
      <c r="A39" s="113"/>
    </row>
    <row r="40" spans="1:1" s="114" customFormat="1" ht="36" customHeight="1" x14ac:dyDescent="0.4">
      <c r="A40" s="113"/>
    </row>
    <row r="41" spans="1:1" s="120" customFormat="1" ht="36" customHeight="1" x14ac:dyDescent="0.4">
      <c r="A41" s="119"/>
    </row>
    <row r="42" spans="1:1" s="120" customFormat="1" ht="36" customHeight="1" x14ac:dyDescent="0.4">
      <c r="A42" s="119"/>
    </row>
    <row r="43" spans="1:1" s="120" customFormat="1" ht="36" customHeight="1" x14ac:dyDescent="0.4">
      <c r="A43" s="119"/>
    </row>
    <row r="44" spans="1:1" s="120" customFormat="1" ht="36" customHeight="1" x14ac:dyDescent="0.4">
      <c r="A44" s="119"/>
    </row>
    <row r="45" spans="1:1" s="120" customFormat="1" ht="36" customHeight="1" x14ac:dyDescent="0.4">
      <c r="A45" s="119"/>
    </row>
    <row r="46" spans="1:1" s="120" customFormat="1" ht="36" customHeight="1" x14ac:dyDescent="0.4">
      <c r="A46" s="119"/>
    </row>
    <row r="47" spans="1:1" s="120" customFormat="1" ht="36" customHeight="1" x14ac:dyDescent="0.4">
      <c r="A47" s="119"/>
    </row>
    <row r="48" spans="1:1" s="120" customFormat="1" ht="36" customHeight="1" x14ac:dyDescent="0.4">
      <c r="A48" s="119"/>
    </row>
    <row r="49" spans="1:1" s="120" customFormat="1" ht="36" customHeight="1" x14ac:dyDescent="0.4">
      <c r="A49" s="119"/>
    </row>
    <row r="50" spans="1:1" s="120" customFormat="1" ht="36" customHeight="1" x14ac:dyDescent="0.4">
      <c r="A50" s="119"/>
    </row>
    <row r="51" spans="1:1" s="120" customFormat="1" ht="36" customHeight="1" x14ac:dyDescent="0.4">
      <c r="A51" s="119"/>
    </row>
    <row r="52" spans="1:1" s="120" customFormat="1" ht="36" customHeight="1" x14ac:dyDescent="0.4">
      <c r="A52" s="119"/>
    </row>
    <row r="53" spans="1:1" s="120" customFormat="1" ht="36" customHeight="1" x14ac:dyDescent="0.4">
      <c r="A53" s="119"/>
    </row>
    <row r="54" spans="1:1" s="120" customFormat="1" ht="36" customHeight="1" x14ac:dyDescent="0.4">
      <c r="A54" s="119"/>
    </row>
    <row r="55" spans="1:1" s="120" customFormat="1" ht="36" customHeight="1" x14ac:dyDescent="0.4">
      <c r="A55" s="119"/>
    </row>
    <row r="56" spans="1:1" s="120" customFormat="1" ht="36" customHeight="1" x14ac:dyDescent="0.4">
      <c r="A56" s="119"/>
    </row>
    <row r="57" spans="1:1" s="120" customFormat="1" ht="24" x14ac:dyDescent="0.4">
      <c r="A57" s="119"/>
    </row>
    <row r="58" spans="1:1" s="120" customFormat="1" ht="24" x14ac:dyDescent="0.4">
      <c r="A58" s="119"/>
    </row>
    <row r="59" spans="1:1" s="120" customFormat="1" ht="24" x14ac:dyDescent="0.4">
      <c r="A59" s="119"/>
    </row>
    <row r="60" spans="1:1" s="120" customFormat="1" ht="24" x14ac:dyDescent="0.4">
      <c r="A60" s="119"/>
    </row>
    <row r="61" spans="1:1" s="120" customFormat="1" ht="24" x14ac:dyDescent="0.4">
      <c r="A61" s="119"/>
    </row>
    <row r="62" spans="1:1" s="120" customFormat="1" ht="24" x14ac:dyDescent="0.4">
      <c r="A62" s="119"/>
    </row>
    <row r="63" spans="1:1" s="120" customFormat="1" ht="24" x14ac:dyDescent="0.4">
      <c r="A63" s="119"/>
    </row>
    <row r="64" spans="1:1" s="120" customFormat="1" ht="24" x14ac:dyDescent="0.4">
      <c r="A64" s="119"/>
    </row>
    <row r="65" spans="1:1" s="120" customFormat="1" ht="24" x14ac:dyDescent="0.4">
      <c r="A65" s="119"/>
    </row>
    <row r="66" spans="1:1" s="120" customFormat="1" ht="24" x14ac:dyDescent="0.4">
      <c r="A66" s="119"/>
    </row>
    <row r="67" spans="1:1" s="120" customFormat="1" ht="24" x14ac:dyDescent="0.4">
      <c r="A67" s="119"/>
    </row>
    <row r="68" spans="1:1" s="120" customFormat="1" ht="24" x14ac:dyDescent="0.4">
      <c r="A68" s="119"/>
    </row>
    <row r="69" spans="1:1" s="120" customFormat="1" ht="24" x14ac:dyDescent="0.4">
      <c r="A69" s="119"/>
    </row>
    <row r="70" spans="1:1" s="120" customFormat="1" ht="24" x14ac:dyDescent="0.4">
      <c r="A70" s="119"/>
    </row>
    <row r="71" spans="1:1" s="120" customFormat="1" ht="24" x14ac:dyDescent="0.4">
      <c r="A71" s="119"/>
    </row>
    <row r="72" spans="1:1" s="120" customFormat="1" ht="24" x14ac:dyDescent="0.4">
      <c r="A72" s="119"/>
    </row>
    <row r="73" spans="1:1" s="120" customFormat="1" ht="24" x14ac:dyDescent="0.4">
      <c r="A73" s="119"/>
    </row>
    <row r="74" spans="1:1" s="120" customFormat="1" ht="24" x14ac:dyDescent="0.4">
      <c r="A74" s="119"/>
    </row>
    <row r="75" spans="1:1" s="120" customFormat="1" ht="24" x14ac:dyDescent="0.4">
      <c r="A75" s="11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3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2:41:42Z</dcterms:created>
  <dcterms:modified xsi:type="dcterms:W3CDTF">2025-10-15T02:43:28Z</dcterms:modified>
</cp:coreProperties>
</file>